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[^a</w:t>
      </w: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]fish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[+:</w:t>
      </w: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,\</w:t>
      </w:r>
      <w:proofErr w:type="gram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.\;\/\\-]bot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^$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^IDA$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^ruby$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^voyager\/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alexa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Alexandria(</w:t>
      </w:r>
      <w:proofErr w:type="gram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s|\+)prototype(\s|\+)project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AllenTrack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almaden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appie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Arachmo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architex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arks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asterias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atomz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awbo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bbo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BDFetch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biadu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biglotron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bjaaland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blaiz</w:t>
      </w:r>
      <w:proofErr w:type="spell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-bee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bloglines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blogpulse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boitho</w:t>
      </w:r>
      <w:proofErr w:type="spell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.com\-dc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bookmark\-manager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bot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Brutus\/AET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bspider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bwh3_user_agent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celestial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checkprivacy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China\</w:t>
      </w: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sLocal</w:t>
      </w:r>
      <w:proofErr w:type="spell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</w:t>
      </w: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sBrowse</w:t>
      </w:r>
      <w:proofErr w:type="spell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s2\.6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cloakDetec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Code\</w:t>
      </w: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sSample</w:t>
      </w:r>
      <w:proofErr w:type="spell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</w:t>
      </w: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sWeb</w:t>
      </w:r>
      <w:proofErr w:type="spell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</w:t>
      </w: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sClient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combine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commons\-</w:t>
      </w: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httpclien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contentmatch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ContentSmartz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core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CoverScout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crawl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crawler</w:t>
      </w:r>
      <w:proofErr w:type="gram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 xml:space="preserve"> 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cursor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custo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DataCha0s\/2\.0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daumoa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docomo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Download\+Master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DSurf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dtSearchSpider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easydl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EmailSiphon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EmailWolf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bookmarkStart w:id="0" w:name="_GoBack"/>
      <w:bookmarkEnd w:id="0"/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favorg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FDM(</w:t>
      </w:r>
      <w:proofErr w:type="gram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s|\+)1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feedburner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FeedFetcher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feedfetcher</w:t>
      </w:r>
      <w:proofErr w:type="spell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-google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ferret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lastRenderedPageBreak/>
        <w:t>Fetch(</w:t>
      </w:r>
      <w:proofErr w:type="gram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s|\+)API(\s|\+)Request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findlinks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Fulltext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Funnelback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gaisbo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GetRight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geturl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gigabo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girafabo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gnodspider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Goldfire</w:t>
      </w:r>
      <w:proofErr w:type="spell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(</w:t>
      </w:r>
      <w:proofErr w:type="gram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s|\+)Server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google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grub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gulliver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harvest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heritrix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hl_ftien_spider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holmes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htdig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htmlparser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HttpComponents</w:t>
      </w:r>
      <w:proofErr w:type="spell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/1.1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HTTPFetcher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httpget</w:t>
      </w:r>
      <w:proofErr w:type="spell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?5\.2\.2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httpget</w:t>
      </w:r>
      <w:proofErr w:type="spell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-5\.2\.2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httrack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ia_archiver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ichiro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iktomi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ilse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internetseer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intute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iSiloX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Jakarta\+Commons\-</w:t>
      </w: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HttpClient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java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jeeves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jobo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kyluka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larbin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libcurl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libwww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libwww</w:t>
      </w:r>
      <w:proofErr w:type="spell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-</w:t>
      </w: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perl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lilina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linkbo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linkcheck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linkchecker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LinkLint-checkonly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linkscan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linkwalker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livejournal\.com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lmspider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LOCKSS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lwp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LWP\:\</w:t>
      </w: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:Simple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lwp</w:t>
      </w:r>
      <w:proofErr w:type="spell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-request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lwp</w:t>
      </w:r>
      <w:proofErr w:type="spell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-</w:t>
      </w: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tivial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lwp</w:t>
      </w:r>
      <w:proofErr w:type="spell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-trivial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lwp</w:t>
      </w:r>
      <w:proofErr w:type="spell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-request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lycos</w:t>
      </w:r>
      <w:proofErr w:type="spell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[</w:t>
      </w:r>
      <w:proofErr w:type="gram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_+]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mail.ru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MarcEdit.5.2.Web.Client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mediapartners</w:t>
      </w:r>
      <w:proofErr w:type="spell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-google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lastRenderedPageBreak/>
        <w:t>Mediapartners</w:t>
      </w:r>
      <w:proofErr w:type="spell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-Google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megite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Microsoft(</w:t>
      </w:r>
      <w:proofErr w:type="gram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s|\+)URL(\s|\+)Control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milbo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mimas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mj12bot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mnogosearch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moge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mojeekbo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momspider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motor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msiecrawler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msnbo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MuscatFerre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myweb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NABOT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nagios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NaverBot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netcraf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netluchs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ng\/2</w:t>
      </w:r>
      <w:proofErr w:type="gram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.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Ning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no_user_agent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nomad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nutch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ocelli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Offline(</w:t>
      </w:r>
      <w:proofErr w:type="gram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s|\+)Navigator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onetszukaj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OurBrowser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parsijoo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pear.php.net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perman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PHP\/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pioneer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playmusic\.com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playstarmusic\.com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powermarks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psbo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PycURL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python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qihoobo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rambler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Readpaper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redalert|robozilla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RePEc.link.checker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robot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robots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RPT\-</w:t>
      </w: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HTTPClient</w:t>
      </w:r>
      <w:proofErr w:type="spell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/0.3-3E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rss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scan4mail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scientificcommons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scirus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scooter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seekbo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seznambo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shoutcas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slurp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sogou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speedy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spider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spiderman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lastRenderedPageBreak/>
        <w:t>spiderview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Strider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sunrise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superbo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surveybo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T\-H\-U\-N\-D\-E\-R\-S\-T\-O\-N\-E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tailrank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technoratibo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Teleport(</w:t>
      </w:r>
      <w:proofErr w:type="gram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s|\+)Pro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Teoma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titan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turnitinbo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twiceler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ucsd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ultraseek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URL2File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urlaliasbuilder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urllib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validator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virus[</w:t>
      </w:r>
      <w:proofErr w:type="gram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_+]detector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voila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w3c\-</w:t>
      </w: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checklink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Wanadoo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Web(</w:t>
      </w:r>
      <w:proofErr w:type="gram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s|\+)Downloader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WebCloner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webcollage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WebCopier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Webinator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weblayers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Webmetrics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webmirror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webreaper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WebStripper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WebZIP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Wget</w:t>
      </w:r>
      <w:proofErr w:type="spell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wordpress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worm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 xml:space="preserve">www.gnip.com 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WWW\-Mechanize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xenu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Xenu(</w:t>
      </w:r>
      <w:proofErr w:type="gramEnd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\s|\+)Link(\s|\+)Sleuth</w:t>
      </w:r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y!j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yacy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yahoo</w:t>
      </w:r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yandex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yodaobo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zealbot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zeus</w:t>
      </w:r>
      <w:proofErr w:type="spellEnd"/>
      <w:proofErr w:type="gramEnd"/>
    </w:p>
    <w:p w:rsidR="00F719D1" w:rsidRPr="00F719D1" w:rsidRDefault="00F719D1" w:rsidP="00F719D1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  <w:lang w:eastAsia="en-GB"/>
        </w:rPr>
      </w:pPr>
      <w:proofErr w:type="spellStart"/>
      <w:proofErr w:type="gramStart"/>
      <w:r w:rsidRPr="00F719D1">
        <w:rPr>
          <w:rFonts w:ascii="Courier New" w:eastAsia="Times New Roman" w:hAnsi="Courier New" w:cs="Courier New"/>
          <w:sz w:val="20"/>
          <w:szCs w:val="20"/>
          <w:lang w:eastAsia="en-GB"/>
        </w:rPr>
        <w:t>zyborg</w:t>
      </w:r>
      <w:proofErr w:type="spellEnd"/>
      <w:proofErr w:type="gramEnd"/>
    </w:p>
    <w:p w:rsidR="00091F13" w:rsidRDefault="00091F13"/>
    <w:sectPr w:rsidR="00091F13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719D1"/>
    <w:rsid w:val="00091F13"/>
    <w:rsid w:val="00A13572"/>
    <w:rsid w:val="00F719D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0C400096-E599-491A-B93E-2F8572808BA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F719D1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after="0" w:line="240" w:lineRule="auto"/>
    </w:pPr>
    <w:rPr>
      <w:rFonts w:ascii="Courier New" w:eastAsia="Times New Roman" w:hAnsi="Courier New" w:cs="Courier New"/>
      <w:sz w:val="20"/>
      <w:szCs w:val="20"/>
      <w:lang w:eastAsia="en-GB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F719D1"/>
    <w:rPr>
      <w:rFonts w:ascii="Courier New" w:eastAsia="Times New Roman" w:hAnsi="Courier New" w:cs="Courier New"/>
      <w:sz w:val="20"/>
      <w:szCs w:val="20"/>
      <w:lang w:eastAsia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2737114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</TotalTime>
  <Pages>4</Pages>
  <Words>369</Words>
  <Characters>2105</Characters>
  <Application>Microsoft Office Word</Application>
  <DocSecurity>0</DocSecurity>
  <Lines>17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47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orraine Estelle</dc:creator>
  <cp:keywords/>
  <dc:description/>
  <cp:lastModifiedBy>Lorraine Estelle</cp:lastModifiedBy>
  <cp:revision>2</cp:revision>
  <dcterms:created xsi:type="dcterms:W3CDTF">2015-12-18T12:07:00Z</dcterms:created>
  <dcterms:modified xsi:type="dcterms:W3CDTF">2015-12-18T12:11:00Z</dcterms:modified>
</cp:coreProperties>
</file>